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arnevel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Lettertype, Graphics&#10;&#10;Automatisch gegenereerde beschrijving">
            <a:extLst>
              <a:ext uri="{FF2B5EF4-FFF2-40B4-BE49-F238E27FC236}">
                <a16:creationId xmlns:a16="http://schemas.microsoft.com/office/drawing/2014/main" id="{F502D90E-05E7-7DFC-7A5E-A21A2B7BA88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7577" y="4560411"/>
            <a:ext cx="3233420" cy="208232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ogo, Lettertype, Graphics&#10;&#10;Automatisch gegenereerde beschrijving">
            <a:extLst>
              <a:ext uri="{FF2B5EF4-FFF2-40B4-BE49-F238E27FC236}">
                <a16:creationId xmlns:a16="http://schemas.microsoft.com/office/drawing/2014/main" id="{5979BD57-87A9-D440-AD22-B321C3544AC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0221" y="3936840"/>
            <a:ext cx="2132229" cy="137315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02T14:38:48Z</dcterms:modified>
</cp:coreProperties>
</file>